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7-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7-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gooisemer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F4B0FDC7-1769-BAD7-B057-E8DFF9CFA8F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0586" y="4892445"/>
            <a:ext cx="2326828" cy="139609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D2F97EBD-47FA-B6AC-D6A1-A28978F1174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7636" y="4165600"/>
            <a:ext cx="2042490" cy="122549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3-07T10:33:15Z</dcterms:modified>
</cp:coreProperties>
</file>